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7" r:id="rId2"/>
    <p:sldId id="263" r:id="rId3"/>
    <p:sldId id="268" r:id="rId4"/>
    <p:sldId id="269" r:id="rId5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30681E38-42A8-413B-AC4D-5FF4E2D5480F}" v="3" dt="2023-06-07T08:38:13.195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6006" autoAdjust="0"/>
    <p:restoredTop sz="94660"/>
  </p:normalViewPr>
  <p:slideViewPr>
    <p:cSldViewPr snapToGrid="0" showGuides="1">
      <p:cViewPr varScale="1">
        <p:scale>
          <a:sx n="65" d="100"/>
          <a:sy n="65" d="100"/>
        </p:scale>
        <p:origin x="56" y="104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viewProps" Target="view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presProps" Target="presProps.xml"/><Relationship Id="rId11" Type="http://schemas.microsoft.com/office/2015/10/relationships/revisionInfo" Target="revisionInfo.xml"/><Relationship Id="rId5" Type="http://schemas.openxmlformats.org/officeDocument/2006/relationships/slide" Target="slides/slide4.xml"/><Relationship Id="rId10" Type="http://schemas.microsoft.com/office/2016/11/relationships/changesInfo" Target="changesInfos/changesInfo1.xml"/><Relationship Id="rId4" Type="http://schemas.openxmlformats.org/officeDocument/2006/relationships/slide" Target="slides/slide3.xml"/><Relationship Id="rId9" Type="http://schemas.openxmlformats.org/officeDocument/2006/relationships/tableStyles" Target="tableStyle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Christine Murphy" userId="36975e2f-8164-45eb-98b1-6e56392de35a" providerId="ADAL" clId="{30681E38-42A8-413B-AC4D-5FF4E2D5480F}"/>
    <pc:docChg chg="undo custSel modSld">
      <pc:chgData name="Christine Murphy" userId="36975e2f-8164-45eb-98b1-6e56392de35a" providerId="ADAL" clId="{30681E38-42A8-413B-AC4D-5FF4E2D5480F}" dt="2023-06-07T08:42:04.438" v="24" actId="14429"/>
      <pc:docMkLst>
        <pc:docMk/>
      </pc:docMkLst>
      <pc:sldChg chg="modSp mod">
        <pc:chgData name="Christine Murphy" userId="36975e2f-8164-45eb-98b1-6e56392de35a" providerId="ADAL" clId="{30681E38-42A8-413B-AC4D-5FF4E2D5480F}" dt="2023-06-07T08:41:14.981" v="22"/>
        <pc:sldMkLst>
          <pc:docMk/>
          <pc:sldMk cId="2041794120" sldId="263"/>
        </pc:sldMkLst>
        <pc:spChg chg="mod">
          <ac:chgData name="Christine Murphy" userId="36975e2f-8164-45eb-98b1-6e56392de35a" providerId="ADAL" clId="{30681E38-42A8-413B-AC4D-5FF4E2D5480F}" dt="2023-06-07T08:40:52.186" v="14" actId="20577"/>
          <ac:spMkLst>
            <pc:docMk/>
            <pc:sldMk cId="2041794120" sldId="263"/>
            <ac:spMk id="2" creationId="{AA913166-3AF7-51D2-1C44-8E13974A175A}"/>
          </ac:spMkLst>
        </pc:spChg>
        <pc:spChg chg="mod">
          <ac:chgData name="Christine Murphy" userId="36975e2f-8164-45eb-98b1-6e56392de35a" providerId="ADAL" clId="{30681E38-42A8-413B-AC4D-5FF4E2D5480F}" dt="2023-06-07T08:41:14.981" v="22"/>
          <ac:spMkLst>
            <pc:docMk/>
            <pc:sldMk cId="2041794120" sldId="263"/>
            <ac:spMk id="5" creationId="{8C2F15C8-4893-5703-E7FC-E8C0F7FE8EDB}"/>
          </ac:spMkLst>
        </pc:spChg>
        <pc:spChg chg="mod">
          <ac:chgData name="Christine Murphy" userId="36975e2f-8164-45eb-98b1-6e56392de35a" providerId="ADAL" clId="{30681E38-42A8-413B-AC4D-5FF4E2D5480F}" dt="2023-06-07T08:38:13.194" v="5" actId="14826"/>
          <ac:spMkLst>
            <pc:docMk/>
            <pc:sldMk cId="2041794120" sldId="263"/>
            <ac:spMk id="9" creationId="{8280B070-3E53-B983-8611-E47C6CED7986}"/>
          </ac:spMkLst>
        </pc:spChg>
        <pc:spChg chg="mod">
          <ac:chgData name="Christine Murphy" userId="36975e2f-8164-45eb-98b1-6e56392de35a" providerId="ADAL" clId="{30681E38-42A8-413B-AC4D-5FF4E2D5480F}" dt="2023-06-07T08:38:13.194" v="5" actId="14826"/>
          <ac:spMkLst>
            <pc:docMk/>
            <pc:sldMk cId="2041794120" sldId="263"/>
            <ac:spMk id="10" creationId="{FA516044-5FE3-9C39-7DCF-4C6CA4FFF14D}"/>
          </ac:spMkLst>
        </pc:spChg>
        <pc:spChg chg="mod">
          <ac:chgData name="Christine Murphy" userId="36975e2f-8164-45eb-98b1-6e56392de35a" providerId="ADAL" clId="{30681E38-42A8-413B-AC4D-5FF4E2D5480F}" dt="2023-06-07T08:38:13.194" v="5" actId="14826"/>
          <ac:spMkLst>
            <pc:docMk/>
            <pc:sldMk cId="2041794120" sldId="263"/>
            <ac:spMk id="11" creationId="{45C88A99-3804-1739-49FF-622FD5E93DFB}"/>
          </ac:spMkLst>
        </pc:spChg>
        <pc:grpChg chg="mod">
          <ac:chgData name="Christine Murphy" userId="36975e2f-8164-45eb-98b1-6e56392de35a" providerId="ADAL" clId="{30681E38-42A8-413B-AC4D-5FF4E2D5480F}" dt="2023-06-07T08:38:13.194" v="5" actId="14826"/>
          <ac:grpSpMkLst>
            <pc:docMk/>
            <pc:sldMk cId="2041794120" sldId="263"/>
            <ac:grpSpMk id="7" creationId="{C4BE79CB-1DEE-0D61-0607-FADB40BE9240}"/>
          </ac:grpSpMkLst>
        </pc:grpChg>
        <pc:grpChg chg="mod">
          <ac:chgData name="Christine Murphy" userId="36975e2f-8164-45eb-98b1-6e56392de35a" providerId="ADAL" clId="{30681E38-42A8-413B-AC4D-5FF4E2D5480F}" dt="2023-06-07T08:38:13.194" v="5" actId="14826"/>
          <ac:grpSpMkLst>
            <pc:docMk/>
            <pc:sldMk cId="2041794120" sldId="263"/>
            <ac:grpSpMk id="12" creationId="{EBE023D4-36B6-CEC8-F808-0E4107448FCC}"/>
          </ac:grpSpMkLst>
        </pc:grpChg>
        <pc:picChg chg="mod">
          <ac:chgData name="Christine Murphy" userId="36975e2f-8164-45eb-98b1-6e56392de35a" providerId="ADAL" clId="{30681E38-42A8-413B-AC4D-5FF4E2D5480F}" dt="2023-06-07T08:38:13.194" v="5" actId="14826"/>
          <ac:picMkLst>
            <pc:docMk/>
            <pc:sldMk cId="2041794120" sldId="263"/>
            <ac:picMk id="6" creationId="{53C60281-49F6-87D4-A529-8E4007E31AD2}"/>
          </ac:picMkLst>
        </pc:picChg>
      </pc:sldChg>
      <pc:sldChg chg="addSp delSp modSp mod">
        <pc:chgData name="Christine Murphy" userId="36975e2f-8164-45eb-98b1-6e56392de35a" providerId="ADAL" clId="{30681E38-42A8-413B-AC4D-5FF4E2D5480F}" dt="2023-06-07T08:38:20.709" v="6" actId="478"/>
        <pc:sldMkLst>
          <pc:docMk/>
          <pc:sldMk cId="4276101519" sldId="268"/>
        </pc:sldMkLst>
        <pc:spChg chg="mod">
          <ac:chgData name="Christine Murphy" userId="36975e2f-8164-45eb-98b1-6e56392de35a" providerId="ADAL" clId="{30681E38-42A8-413B-AC4D-5FF4E2D5480F}" dt="2023-06-07T08:02:19.730" v="2"/>
          <ac:spMkLst>
            <pc:docMk/>
            <pc:sldMk cId="4276101519" sldId="268"/>
            <ac:spMk id="10" creationId="{0285BA95-4177-2654-AA7D-B49A33051320}"/>
          </ac:spMkLst>
        </pc:spChg>
        <pc:spChg chg="mod">
          <ac:chgData name="Christine Murphy" userId="36975e2f-8164-45eb-98b1-6e56392de35a" providerId="ADAL" clId="{30681E38-42A8-413B-AC4D-5FF4E2D5480F}" dt="2023-06-07T08:02:19.730" v="2"/>
          <ac:spMkLst>
            <pc:docMk/>
            <pc:sldMk cId="4276101519" sldId="268"/>
            <ac:spMk id="15" creationId="{777E284E-34E9-9E0D-B27D-EFAA25BE3192}"/>
          </ac:spMkLst>
        </pc:spChg>
        <pc:spChg chg="mod">
          <ac:chgData name="Christine Murphy" userId="36975e2f-8164-45eb-98b1-6e56392de35a" providerId="ADAL" clId="{30681E38-42A8-413B-AC4D-5FF4E2D5480F}" dt="2023-06-07T08:02:19.730" v="2"/>
          <ac:spMkLst>
            <pc:docMk/>
            <pc:sldMk cId="4276101519" sldId="268"/>
            <ac:spMk id="16" creationId="{2E1386F5-A178-6D2E-179F-0443D19698EB}"/>
          </ac:spMkLst>
        </pc:spChg>
        <pc:grpChg chg="add del mod">
          <ac:chgData name="Christine Murphy" userId="36975e2f-8164-45eb-98b1-6e56392de35a" providerId="ADAL" clId="{30681E38-42A8-413B-AC4D-5FF4E2D5480F}" dt="2023-06-07T08:38:20.709" v="6" actId="478"/>
          <ac:grpSpMkLst>
            <pc:docMk/>
            <pc:sldMk cId="4276101519" sldId="268"/>
            <ac:grpSpMk id="6" creationId="{E7AA9E15-8D6A-DD39-BAAF-FCD1E7CB00D0}"/>
          </ac:grpSpMkLst>
        </pc:grpChg>
      </pc:sldChg>
      <pc:sldChg chg="modSp mod">
        <pc:chgData name="Christine Murphy" userId="36975e2f-8164-45eb-98b1-6e56392de35a" providerId="ADAL" clId="{30681E38-42A8-413B-AC4D-5FF4E2D5480F}" dt="2023-06-07T08:42:04.438" v="24" actId="14429"/>
        <pc:sldMkLst>
          <pc:docMk/>
          <pc:sldMk cId="2406456757" sldId="269"/>
        </pc:sldMkLst>
        <pc:spChg chg="mod modVis">
          <ac:chgData name="Christine Murphy" userId="36975e2f-8164-45eb-98b1-6e56392de35a" providerId="ADAL" clId="{30681E38-42A8-413B-AC4D-5FF4E2D5480F}" dt="2023-06-07T08:42:04.438" v="24" actId="14429"/>
          <ac:spMkLst>
            <pc:docMk/>
            <pc:sldMk cId="2406456757" sldId="269"/>
            <ac:spMk id="9" creationId="{70319957-6C7A-48E1-2294-A1D07B4B1617}"/>
          </ac:spMkLst>
        </pc:spChg>
        <pc:spChg chg="mod">
          <ac:chgData name="Christine Murphy" userId="36975e2f-8164-45eb-98b1-6e56392de35a" providerId="ADAL" clId="{30681E38-42A8-413B-AC4D-5FF4E2D5480F}" dt="2023-06-07T08:38:29.590" v="7" actId="1076"/>
          <ac:spMkLst>
            <pc:docMk/>
            <pc:sldMk cId="2406456757" sldId="269"/>
            <ac:spMk id="20" creationId="{3AEA561C-FDFF-CCBC-88F5-F891CB5B4C91}"/>
          </ac:spMkLst>
        </pc:spChg>
      </pc:sldChg>
    </pc:docChg>
  </pc:docChgLst>
</pc:chgInfo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A2690EB-A658-5089-4591-E180ACFFC85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0AF15DA5-F9F2-4CA4-41BA-3D2CC8C47541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6C75F74-F23E-BCFD-2AF0-C9FFE17CD88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C8C677B-1AB6-415E-8BB3-0A61C35FCFA6}" type="datetimeFigureOut">
              <a:rPr lang="en-US" smtClean="0"/>
              <a:t>07-Jun-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C5AEB5D-3BFB-FB61-B8D6-51A91BA45D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92DFB22-D527-A7BE-0E5D-EA919FF0D18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5A8DFF-8D94-45BE-9011-CB14387CC2C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6306935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EBD5DA1-519E-A7A5-060F-E29682269B5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55860A1D-7094-3EB5-F3B3-C6C9F8758F5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88BC7FC-F953-0E76-6288-B2C5FDBCFF8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C8C677B-1AB6-415E-8BB3-0A61C35FCFA6}" type="datetimeFigureOut">
              <a:rPr lang="en-US" smtClean="0"/>
              <a:t>07-Jun-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AF66A89-CB6E-F312-3AAB-1B8F33898B1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28AB0A0-0BA5-2C78-CD05-516FDACC6B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5A8DFF-8D94-45BE-9011-CB14387CC2C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5540368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B5685857-89D7-6D99-49AD-C56EA9CB6F98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674E1CE3-D33A-8B4D-510B-1FE3B298696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8604B2E-211E-19A7-9974-D4D7E7753F8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C8C677B-1AB6-415E-8BB3-0A61C35FCFA6}" type="datetimeFigureOut">
              <a:rPr lang="en-US" smtClean="0"/>
              <a:t>07-Jun-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E6CBE5C-6431-4D8D-09B3-672E06C76C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9E7A14D-3C86-2474-F56A-A680646056F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5A8DFF-8D94-45BE-9011-CB14387CC2C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77484273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 dirty="0">
                <a:solidFill>
                  <a:schemeClr val="tx1"/>
                </a:solidFill>
              </a:rPr>
              <a:t>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 dirty="0">
                <a:solidFill>
                  <a:schemeClr val="tx1"/>
                </a:solidFill>
              </a:rPr>
              <a:t>HEIGHT OF EVENT LOCKUP    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 dirty="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54772273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07/06/2023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19331836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BA27D75-5CA4-8682-45A1-E401AB7096D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3B85527-4178-6FE9-0E33-799C99B7964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942113D-7511-CDD1-3D13-0057B319F4E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C8C677B-1AB6-415E-8BB3-0A61C35FCFA6}" type="datetimeFigureOut">
              <a:rPr lang="en-US" smtClean="0"/>
              <a:t>07-Jun-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6695551-966C-22AD-D18C-DECCFEC67C2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52ABE5F-6152-CB58-B658-9339E285AC5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5A8DFF-8D94-45BE-9011-CB14387CC2C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57108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2F087B0-3D18-CC61-3FC6-91EFBA609B3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64DF215-F8D4-FFBF-6749-C3B572ADBE4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B7225FC-7B8A-964F-D632-EA8A91A2E45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C8C677B-1AB6-415E-8BB3-0A61C35FCFA6}" type="datetimeFigureOut">
              <a:rPr lang="en-US" smtClean="0"/>
              <a:t>07-Jun-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AD2AFAA-438C-38A0-A169-60C05D393EA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6CEF0C7-44BB-BC5F-F561-DC80E3C4839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5A8DFF-8D94-45BE-9011-CB14387CC2C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4126639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94A57CA-BBA6-4E68-B12C-9CBAEC13166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B297402-CB6B-9AF9-8823-2F4743DB3076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147C6AF-633A-67FD-73E0-26B99232F59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2CAF881-C5BA-B43E-4429-711BD5E8F7D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C8C677B-1AB6-415E-8BB3-0A61C35FCFA6}" type="datetimeFigureOut">
              <a:rPr lang="en-US" smtClean="0"/>
              <a:t>07-Jun-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EBAD2D7-F09C-DF13-DF2F-6F252B9D312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5C50B63-F915-9BFC-A5CD-E56C4459637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5A8DFF-8D94-45BE-9011-CB14387CC2C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7523118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5BD3A03-03B7-63D7-A9C0-3B4B572FD61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D58E4A9-50ED-15B2-417E-083C8498398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47193D5-F41E-16D1-BF0F-E943715AD4C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ED47E7AD-E350-B752-7DC8-E7A53757F079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DC01FCA4-04FA-616A-ED6C-1F8AD6688724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B5F5F121-90D5-CB27-EC02-EFBA74B7FDD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C8C677B-1AB6-415E-8BB3-0A61C35FCFA6}" type="datetimeFigureOut">
              <a:rPr lang="en-US" smtClean="0"/>
              <a:t>07-Jun-23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CE526CA-DA27-E013-BBC9-3DEF24162B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5DD3D0C9-A767-C3AB-8FD9-DA663B5991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5A8DFF-8D94-45BE-9011-CB14387CC2C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1552862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DD4C190-A9BB-EEC8-1693-34CD5996B44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B3088BB-61C4-7A7A-F414-0F468955C82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C8C677B-1AB6-415E-8BB3-0A61C35FCFA6}" type="datetimeFigureOut">
              <a:rPr lang="en-US" smtClean="0"/>
              <a:t>07-Jun-23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CED2A17-C2BE-58D4-75DB-68DC6CD2E23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65DF362-5E38-6DBF-4C5E-9B429A07FFE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5A8DFF-8D94-45BE-9011-CB14387CC2C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6160169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9680739-EE7B-1F32-FFF6-1D14C997AE1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C8C677B-1AB6-415E-8BB3-0A61C35FCFA6}" type="datetimeFigureOut">
              <a:rPr lang="en-US" smtClean="0"/>
              <a:t>07-Jun-23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B76C9225-849B-11AA-85BF-681C9BF4EC5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ECF6C50-2C2D-77E5-831B-AD43E8FB9E4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5A8DFF-8D94-45BE-9011-CB14387CC2C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9445408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8CE42E0-F153-FC39-1E93-1947540BA85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F8D7633-1BE6-8CA3-F109-56F9F6BD069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2EEDBAFA-4E02-3591-63AA-25559DB97DC5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EAB6433-3306-752E-9921-D12299F3F1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C8C677B-1AB6-415E-8BB3-0A61C35FCFA6}" type="datetimeFigureOut">
              <a:rPr lang="en-US" smtClean="0"/>
              <a:t>07-Jun-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0FB4773-A008-14A1-B2E4-00A19EAC536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446BE83-5F14-A238-C6F9-8937133EDF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5A8DFF-8D94-45BE-9011-CB14387CC2C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918273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7EAF0C4-0B38-2384-E1B6-8B3C66ADEA8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FC4A1D2C-E2BF-BD1F-F8DE-BF65CE552E1C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6E5A0D9E-91C4-3810-6FBB-6AB4FB92B68F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5979127-FAF9-221C-E8B3-5C3B7D20DC4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C8C677B-1AB6-415E-8BB3-0A61C35FCFA6}" type="datetimeFigureOut">
              <a:rPr lang="en-US" smtClean="0"/>
              <a:t>07-Jun-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500E8815-CCED-13BF-B116-A88F4B73370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2626A65-EA12-F55E-6D47-09823CF6F6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05A8DFF-8D94-45BE-9011-CB14387CC2C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6879235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5A97E7AE-7996-366A-ED98-B3B260247F0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224FF58-8DC4-6D73-585F-EC59CB37781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2815711-5844-1347-D84D-3E167D5ABCF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C8C677B-1AB6-415E-8BB3-0A61C35FCFA6}" type="datetimeFigureOut">
              <a:rPr lang="en-US" smtClean="0"/>
              <a:t>07-Jun-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186E2D8-E939-C745-EB93-9C922A1D42F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A61193E-230A-D9CF-AA7B-BE31E9096B88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05A8DFF-8D94-45BE-9011-CB14387CC2C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3394775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3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image" Target="../media/image2.png"/><Relationship Id="rId5" Type="http://schemas.openxmlformats.org/officeDocument/2006/relationships/image" Target="../media/image1.png"/><Relationship Id="rId4" Type="http://schemas.openxmlformats.org/officeDocument/2006/relationships/slideLayout" Target="../slideLayouts/slideLayout1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emf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3.xml"/><Relationship Id="rId2" Type="http://schemas.openxmlformats.org/officeDocument/2006/relationships/tags" Target="../tags/tag5.xml"/><Relationship Id="rId1" Type="http://schemas.openxmlformats.org/officeDocument/2006/relationships/tags" Target="../tags/tag4.xml"/><Relationship Id="rId6" Type="http://schemas.openxmlformats.org/officeDocument/2006/relationships/image" Target="../media/image2.png"/><Relationship Id="rId5" Type="http://schemas.openxmlformats.org/officeDocument/2006/relationships/image" Target="../media/image5.png"/><Relationship Id="rId4" Type="http://schemas.openxmlformats.org/officeDocument/2006/relationships/image" Target="../media/image1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.xml"/><Relationship Id="rId2" Type="http://schemas.openxmlformats.org/officeDocument/2006/relationships/tags" Target="../tags/tag7.xml"/><Relationship Id="rId1" Type="http://schemas.openxmlformats.org/officeDocument/2006/relationships/tags" Target="../tags/tag6.xml"/><Relationship Id="rId6" Type="http://schemas.openxmlformats.org/officeDocument/2006/relationships/image" Target="../media/image2.png"/><Relationship Id="rId5" Type="http://schemas.openxmlformats.org/officeDocument/2006/relationships/image" Target="../media/image5.png"/><Relationship Id="rId4" Type="http://schemas.openxmlformats.org/officeDocument/2006/relationships/image" Target="../media/image1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4" name="Picture Placeholder 67">
            <a:extLst>
              <a:ext uri="{FF2B5EF4-FFF2-40B4-BE49-F238E27FC236}">
                <a16:creationId xmlns:a16="http://schemas.microsoft.com/office/drawing/2014/main" id="{0D44470F-BF4C-4AF7-C0BF-15178DA37C22}"/>
              </a:ext>
            </a:extLst>
          </p:cNvPr>
          <p:cNvPicPr>
            <a:picLocks noGrp="1" noChangeAspect="1"/>
          </p:cNvPicPr>
          <p:nvPr>
            <p:ph type="pic" sz="quarter" idx="11"/>
            <p:custDataLst>
              <p:tags r:id="rId2"/>
            </p:custDataLst>
          </p:nvPr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881" b="3881"/>
          <a:stretch/>
        </p:blipFill>
        <p:spPr>
          <a:xfrm>
            <a:off x="0" y="0"/>
            <a:ext cx="12192000" cy="6858000"/>
          </a:xfrm>
        </p:spPr>
      </p:pic>
      <p:sp>
        <p:nvSpPr>
          <p:cNvPr id="60" name="GRADIENT" hidden="1">
            <a:extLst>
              <a:ext uri="{FF2B5EF4-FFF2-40B4-BE49-F238E27FC236}">
                <a16:creationId xmlns:a16="http://schemas.microsoft.com/office/drawing/2014/main" id="{3F0D69FA-4445-43BE-B55D-CA5C1E4B9A13}"/>
              </a:ext>
            </a:extLst>
          </p:cNvPr>
          <p:cNvSpPr>
            <a:spLocks/>
          </p:cNvSpPr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70000"/>
                </a:schemeClr>
              </a:gs>
              <a:gs pos="59000">
                <a:schemeClr val="tx1">
                  <a:alpha val="0"/>
                </a:schemeClr>
              </a:gs>
            </a:gsLst>
            <a:lin ang="189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GRADIENT" hidden="1">
            <a:extLst>
              <a:ext uri="{FF2B5EF4-FFF2-40B4-BE49-F238E27FC236}">
                <a16:creationId xmlns:a16="http://schemas.microsoft.com/office/drawing/2014/main" id="{27994A38-BD77-946D-4942-357317E065E7}"/>
              </a:ext>
            </a:extLst>
          </p:cNvPr>
          <p:cNvSpPr>
            <a:spLocks/>
          </p:cNvSpPr>
          <p:nvPr/>
        </p:nvSpPr>
        <p:spPr>
          <a:xfrm>
            <a:off x="-33041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70000"/>
                </a:schemeClr>
              </a:gs>
              <a:gs pos="59000">
                <a:schemeClr val="tx1">
                  <a:alpha val="0"/>
                </a:schemeClr>
              </a:gs>
            </a:gsLst>
            <a:lin ang="135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Subtitle 30">
            <a:extLst>
              <a:ext uri="{FF2B5EF4-FFF2-40B4-BE49-F238E27FC236}">
                <a16:creationId xmlns:a16="http://schemas.microsoft.com/office/drawing/2014/main" id="{FD097587-D05D-4458-B1AF-E8ACBEFDA7DE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>
            <a:normAutofit lnSpcReduction="10000"/>
          </a:bodyPr>
          <a:lstStyle/>
          <a:p>
            <a:r>
              <a:rPr lang="en-US" sz="4800" b="1" dirty="0"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Abu Dhabi, UAE</a:t>
            </a:r>
          </a:p>
          <a:p>
            <a:pPr>
              <a:lnSpc>
                <a:spcPct val="100000"/>
              </a:lnSpc>
            </a:pPr>
            <a:r>
              <a:rPr lang="en-US" sz="2800" b="1" dirty="0"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7-9 November 2023</a:t>
            </a:r>
          </a:p>
        </p:txBody>
      </p:sp>
      <p:sp>
        <p:nvSpPr>
          <p:cNvPr id="35" name="Freeform 5">
            <a:extLst>
              <a:ext uri="{FF2B5EF4-FFF2-40B4-BE49-F238E27FC236}">
                <a16:creationId xmlns:a16="http://schemas.microsoft.com/office/drawing/2014/main" id="{32CEF7D5-037E-404D-B964-AAAAD721CD04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10092267" y="5539150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7E242B1F-447C-C2FD-5776-51AA6272A986}"/>
              </a:ext>
            </a:extLst>
          </p:cNvPr>
          <p:cNvSpPr txBox="1"/>
          <p:nvPr/>
        </p:nvSpPr>
        <p:spPr>
          <a:xfrm>
            <a:off x="0" y="4563646"/>
            <a:ext cx="12191999" cy="707886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r>
              <a:rPr lang="en-US" sz="4000" dirty="0"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   Promotional Kit</a:t>
            </a:r>
          </a:p>
        </p:txBody>
      </p:sp>
      <p:pic>
        <p:nvPicPr>
          <p:cNvPr id="6" name="Picture 2">
            <a:extLst>
              <a:ext uri="{FF2B5EF4-FFF2-40B4-BE49-F238E27FC236}">
                <a16:creationId xmlns:a16="http://schemas.microsoft.com/office/drawing/2014/main" id="{8B440F45-AC9F-0F18-1474-1515EE03BD2F}"/>
              </a:ext>
            </a:extLst>
          </p:cNvPr>
          <p:cNvPicPr>
            <a:picLocks noChangeAspect="1"/>
          </p:cNvPicPr>
          <p:nvPr>
            <p:custDataLst>
              <p:tags r:id="rId3"/>
            </p:custDataLst>
          </p:nvPr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-114" b="-768"/>
          <a:stretch/>
        </p:blipFill>
        <p:spPr>
          <a:xfrm>
            <a:off x="630380" y="501561"/>
            <a:ext cx="2112307" cy="221788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48576720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AA913166-3AF7-51D2-1C44-8E13974A175A}"/>
              </a:ext>
            </a:extLst>
          </p:cNvPr>
          <p:cNvSpPr txBox="1">
            <a:spLocks/>
          </p:cNvSpPr>
          <p:nvPr/>
        </p:nvSpPr>
        <p:spPr>
          <a:xfrm>
            <a:off x="552450" y="524327"/>
            <a:ext cx="10436115" cy="1481393"/>
          </a:xfrm>
          <a:prstGeom prst="rect">
            <a:avLst/>
          </a:prstGeom>
        </p:spPr>
        <p:txBody>
          <a:bodyPr lIns="91440" tIns="45720" rIns="91440" bIns="45720" anchor="t"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3600" dirty="0">
                <a:latin typeface="Aktiv Grotesk XBold" panose="020B0804020202020204" pitchFamily="34" charset="-78"/>
                <a:cs typeface="Aktiv Grotesk XBold" panose="020B0804020202020204" pitchFamily="34" charset="-78"/>
              </a:rPr>
              <a:t>Customize your own banner</a:t>
            </a:r>
          </a:p>
          <a:p>
            <a:r>
              <a:rPr lang="en-US" sz="3600" dirty="0"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to promote your participation at the AEF!</a:t>
            </a:r>
          </a:p>
        </p:txBody>
      </p:sp>
      <p:sp>
        <p:nvSpPr>
          <p:cNvPr id="4" name="Ellipse 3">
            <a:extLst>
              <a:ext uri="{FF2B5EF4-FFF2-40B4-BE49-F238E27FC236}">
                <a16:creationId xmlns:a16="http://schemas.microsoft.com/office/drawing/2014/main" id="{5B775B25-C6CE-E938-B53E-2EE077480694}"/>
              </a:ext>
            </a:extLst>
          </p:cNvPr>
          <p:cNvSpPr/>
          <p:nvPr/>
        </p:nvSpPr>
        <p:spPr>
          <a:xfrm>
            <a:off x="7053591" y="646078"/>
            <a:ext cx="295275" cy="295275"/>
          </a:xfrm>
          <a:prstGeom prst="ellipse">
            <a:avLst/>
          </a:prstGeom>
          <a:solidFill>
            <a:srgbClr val="FAC83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576D45A8-4432-9B49-39C3-9B461D632F94}"/>
              </a:ext>
            </a:extLst>
          </p:cNvPr>
          <p:cNvSpPr/>
          <p:nvPr/>
        </p:nvSpPr>
        <p:spPr>
          <a:xfrm>
            <a:off x="631280" y="1612463"/>
            <a:ext cx="2183901" cy="80645"/>
          </a:xfrm>
          <a:prstGeom prst="rect">
            <a:avLst/>
          </a:prstGeom>
          <a:solidFill>
            <a:srgbClr val="1F32FA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ZoneTexte 4">
            <a:extLst>
              <a:ext uri="{FF2B5EF4-FFF2-40B4-BE49-F238E27FC236}">
                <a16:creationId xmlns:a16="http://schemas.microsoft.com/office/drawing/2014/main" id="{8C2F15C8-4893-5703-E7FC-E8C0F7FE8EDB}"/>
              </a:ext>
            </a:extLst>
          </p:cNvPr>
          <p:cNvSpPr txBox="1"/>
          <p:nvPr/>
        </p:nvSpPr>
        <p:spPr>
          <a:xfrm>
            <a:off x="2014889" y="1968317"/>
            <a:ext cx="7511234" cy="2031325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r>
              <a:rPr lang="en-US" sz="1400" dirty="0">
                <a:solidFill>
                  <a:srgbClr val="3333FF"/>
                </a:solidFill>
                <a:latin typeface="Aktiv Grotesk XBold" panose="020B0804020202020204" pitchFamily="34" charset="-78"/>
                <a:ea typeface="Aktiv Grotesk" panose="020B0504020202020204" pitchFamily="34" charset="0"/>
                <a:cs typeface="Aktiv Grotesk XBold" panose="020B0804020202020204" pitchFamily="34" charset="-78"/>
              </a:rPr>
              <a:t>STEP 1:</a:t>
            </a:r>
            <a:r>
              <a:rPr lang="en-US" sz="1400" dirty="0">
                <a:solidFill>
                  <a:srgbClr val="3333FF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lang="en-US" sz="1400" dirty="0">
                <a:latin typeface="Aktiv Grotesk" panose="020B0504020202020204" pitchFamily="34" charset="0"/>
              </a:rPr>
              <a:t>In the next slide click </a:t>
            </a:r>
            <a:r>
              <a:rPr lang="en-US" sz="1400" dirty="0"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in the circle to insert your profile picture</a:t>
            </a:r>
          </a:p>
          <a:p>
            <a:pPr marL="0" indent="0">
              <a:buNone/>
            </a:pPr>
            <a:endParaRPr lang="en-US" sz="1400" dirty="0">
              <a:latin typeface="Aktiv Grotesk" panose="020B0504020202020204" pitchFamily="34" charset="0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0" indent="0">
              <a:buNone/>
            </a:pPr>
            <a:r>
              <a:rPr lang="en-US" sz="1400" dirty="0">
                <a:solidFill>
                  <a:srgbClr val="3333FF"/>
                </a:solidFill>
                <a:latin typeface="Aktiv Grotesk XBold" panose="020B0804020202020204" pitchFamily="34" charset="-78"/>
                <a:ea typeface="Aktiv Grotesk" panose="020B0504020202020204" pitchFamily="34" charset="0"/>
                <a:cs typeface="Aktiv Grotesk XBold" panose="020B0804020202020204" pitchFamily="34" charset="-78"/>
              </a:rPr>
              <a:t>STEP 2:</a:t>
            </a:r>
            <a:r>
              <a:rPr lang="en-US" sz="1400" dirty="0"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 Enter a message of your choice in the box</a:t>
            </a:r>
          </a:p>
          <a:p>
            <a:pPr marL="0" indent="0">
              <a:buNone/>
            </a:pPr>
            <a:endParaRPr lang="en-US" sz="1400" dirty="0">
              <a:latin typeface="Aktiv Grotesk" panose="020B0504020202020204" pitchFamily="34" charset="0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0" indent="0">
              <a:buNone/>
            </a:pPr>
            <a:r>
              <a:rPr lang="en-US" sz="1400" dirty="0">
                <a:solidFill>
                  <a:srgbClr val="3333FF"/>
                </a:solidFill>
                <a:latin typeface="Aktiv Grotesk XBold" panose="020B0804020202020204" pitchFamily="34" charset="-78"/>
                <a:ea typeface="Aktiv Grotesk" panose="020B0504020202020204" pitchFamily="34" charset="0"/>
                <a:cs typeface="Aktiv Grotesk XBold" panose="020B0804020202020204" pitchFamily="34" charset="-78"/>
              </a:rPr>
              <a:t>STEP 3:</a:t>
            </a:r>
            <a:r>
              <a:rPr lang="en-US" sz="1400" dirty="0">
                <a:latin typeface="Aktiv Grotesk XBold" panose="020B0804020202020204" pitchFamily="34" charset="-78"/>
                <a:ea typeface="Aktiv Grotesk" panose="020B0504020202020204" pitchFamily="34" charset="0"/>
                <a:cs typeface="Aktiv Grotesk XBold" panose="020B0804020202020204" pitchFamily="34" charset="-78"/>
              </a:rPr>
              <a:t> </a:t>
            </a:r>
            <a:r>
              <a:rPr lang="en-US" sz="1400" dirty="0"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Select all the items on the slide (CTRL+A), click right and hit “Save as picture”</a:t>
            </a:r>
            <a:br>
              <a:rPr lang="en-US" sz="1400" dirty="0"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</a:br>
            <a:endParaRPr lang="en-US" sz="1400" dirty="0">
              <a:latin typeface="Aktiv Grotesk" panose="020B0504020202020204" pitchFamily="34" charset="0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0" indent="0">
              <a:buNone/>
            </a:pPr>
            <a:endParaRPr lang="en-US" sz="1400" dirty="0">
              <a:latin typeface="Aktiv Grotesk" panose="020B0504020202020204" pitchFamily="34" charset="0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r>
              <a:rPr lang="en-US" sz="1400" b="1" dirty="0">
                <a:solidFill>
                  <a:srgbClr val="3333FF"/>
                </a:solidFill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Your banner is ready to use, make sure to include the link to the AEF website !</a:t>
            </a:r>
          </a:p>
          <a:p>
            <a:r>
              <a:rPr lang="en-US" sz="1400" b="1" dirty="0">
                <a:solidFill>
                  <a:srgbClr val="1D31FA"/>
                </a:solidFill>
                <a:ea typeface="+mn-lt"/>
                <a:cs typeface="+mn-lt"/>
              </a:rPr>
              <a:t>https://www.iata.org/en/events/all/iata-aviation-energy-forum/</a:t>
            </a:r>
          </a:p>
        </p:txBody>
      </p:sp>
      <p:pic>
        <p:nvPicPr>
          <p:cNvPr id="8" name="Picture 2">
            <a:extLst>
              <a:ext uri="{FF2B5EF4-FFF2-40B4-BE49-F238E27FC236}">
                <a16:creationId xmlns:a16="http://schemas.microsoft.com/office/drawing/2014/main" id="{F7A01C62-2373-497F-6750-F11467CE0DD2}"/>
              </a:ext>
            </a:extLst>
          </p:cNvPr>
          <p:cNvPicPr>
            <a:picLocks noChangeAspect="1"/>
          </p:cNvPicPr>
          <p:nvPr/>
        </p:nvPicPr>
        <p:blipFill>
          <a:blip r:embed="rId2" cstate="email">
            <a:duotone>
              <a:prstClr val="black"/>
              <a:schemeClr val="accent1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001757" y="5008110"/>
            <a:ext cx="986808" cy="1325563"/>
          </a:xfrm>
          <a:prstGeom prst="rect">
            <a:avLst/>
          </a:prstGeom>
        </p:spPr>
      </p:pic>
      <p:grpSp>
        <p:nvGrpSpPr>
          <p:cNvPr id="12" name="Group 11">
            <a:extLst>
              <a:ext uri="{FF2B5EF4-FFF2-40B4-BE49-F238E27FC236}">
                <a16:creationId xmlns:a16="http://schemas.microsoft.com/office/drawing/2014/main" id="{EBE023D4-36B6-CEC8-F808-0E4107448FCC}"/>
              </a:ext>
            </a:extLst>
          </p:cNvPr>
          <p:cNvGrpSpPr/>
          <p:nvPr/>
        </p:nvGrpSpPr>
        <p:grpSpPr>
          <a:xfrm>
            <a:off x="3457575" y="4219280"/>
            <a:ext cx="4057650" cy="2275189"/>
            <a:chOff x="3457575" y="4219280"/>
            <a:chExt cx="4057650" cy="2275189"/>
          </a:xfrm>
        </p:grpSpPr>
        <p:pic>
          <p:nvPicPr>
            <p:cNvPr id="6" name="Picture 5">
              <a:extLst>
                <a:ext uri="{FF2B5EF4-FFF2-40B4-BE49-F238E27FC236}">
                  <a16:creationId xmlns:a16="http://schemas.microsoft.com/office/drawing/2014/main" id="{53C60281-49F6-87D4-A529-8E4007E31AD2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/>
          </p:blipFill>
          <p:spPr>
            <a:xfrm>
              <a:off x="3457575" y="4219280"/>
              <a:ext cx="4057650" cy="2275189"/>
            </a:xfrm>
            <a:prstGeom prst="rect">
              <a:avLst/>
            </a:prstGeom>
          </p:spPr>
        </p:pic>
        <p:grpSp>
          <p:nvGrpSpPr>
            <p:cNvPr id="7" name="Group 6">
              <a:extLst>
                <a:ext uri="{FF2B5EF4-FFF2-40B4-BE49-F238E27FC236}">
                  <a16:creationId xmlns:a16="http://schemas.microsoft.com/office/drawing/2014/main" id="{C4BE79CB-1DEE-0D61-0607-FADB40BE9240}"/>
                </a:ext>
              </a:extLst>
            </p:cNvPr>
            <p:cNvGrpSpPr/>
            <p:nvPr/>
          </p:nvGrpSpPr>
          <p:grpSpPr>
            <a:xfrm>
              <a:off x="6000998" y="4491822"/>
              <a:ext cx="649184" cy="1296059"/>
              <a:chOff x="1306168" y="815353"/>
              <a:chExt cx="991737" cy="1979946"/>
            </a:xfrm>
          </p:grpSpPr>
          <p:sp>
            <p:nvSpPr>
              <p:cNvPr id="9" name="Freeform 5">
                <a:extLst>
                  <a:ext uri="{FF2B5EF4-FFF2-40B4-BE49-F238E27FC236}">
                    <a16:creationId xmlns:a16="http://schemas.microsoft.com/office/drawing/2014/main" id="{8280B070-3E53-B983-8611-E47C6CED7986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flipH="1">
                <a:off x="1307306" y="1808279"/>
                <a:ext cx="985838" cy="987020"/>
              </a:xfrm>
              <a:custGeom>
                <a:avLst/>
                <a:gdLst>
                  <a:gd name="T0" fmla="*/ 0 w 3326"/>
                  <a:gd name="T1" fmla="*/ 0 h 3330"/>
                  <a:gd name="T2" fmla="*/ 0 w 3326"/>
                  <a:gd name="T3" fmla="*/ 1665 h 3330"/>
                  <a:gd name="T4" fmla="*/ 1109 w 3326"/>
                  <a:gd name="T5" fmla="*/ 1665 h 3330"/>
                  <a:gd name="T6" fmla="*/ 1109 w 3326"/>
                  <a:gd name="T7" fmla="*/ 3330 h 3330"/>
                  <a:gd name="T8" fmla="*/ 3326 w 3326"/>
                  <a:gd name="T9" fmla="*/ 3330 h 3330"/>
                  <a:gd name="T10" fmla="*/ 3326 w 3326"/>
                  <a:gd name="T11" fmla="*/ 0 h 3330"/>
                  <a:gd name="T12" fmla="*/ 0 w 3326"/>
                  <a:gd name="T13" fmla="*/ 0 h 333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3326" h="3330">
                    <a:moveTo>
                      <a:pt x="0" y="0"/>
                    </a:moveTo>
                    <a:lnTo>
                      <a:pt x="0" y="1665"/>
                    </a:lnTo>
                    <a:lnTo>
                      <a:pt x="1109" y="1665"/>
                    </a:lnTo>
                    <a:lnTo>
                      <a:pt x="1109" y="3330"/>
                    </a:lnTo>
                    <a:lnTo>
                      <a:pt x="3326" y="3330"/>
                    </a:lnTo>
                    <a:lnTo>
                      <a:pt x="3326" y="0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chemeClr val="accent1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/>
              </a:p>
            </p:txBody>
          </p:sp>
          <p:sp>
            <p:nvSpPr>
              <p:cNvPr id="10" name="Oval 9">
                <a:extLst>
                  <a:ext uri="{FF2B5EF4-FFF2-40B4-BE49-F238E27FC236}">
                    <a16:creationId xmlns:a16="http://schemas.microsoft.com/office/drawing/2014/main" id="{FA516044-5FE3-9C39-7DCF-4C6CA4FFF14D}"/>
                  </a:ext>
                </a:extLst>
              </p:cNvPr>
              <p:cNvSpPr>
                <a:spLocks noChangeAspect="1" noChangeArrowheads="1"/>
              </p:cNvSpPr>
              <p:nvPr/>
            </p:nvSpPr>
            <p:spPr bwMode="auto">
              <a:xfrm>
                <a:off x="1306168" y="815353"/>
                <a:ext cx="991737" cy="992926"/>
              </a:xfrm>
              <a:prstGeom prst="ellipse">
                <a:avLst/>
              </a:prstGeom>
              <a:solidFill>
                <a:schemeClr val="accent3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/>
              </a:p>
            </p:txBody>
          </p:sp>
          <p:sp>
            <p:nvSpPr>
              <p:cNvPr id="11" name="Freeform: Shape 10">
                <a:extLst>
                  <a:ext uri="{FF2B5EF4-FFF2-40B4-BE49-F238E27FC236}">
                    <a16:creationId xmlns:a16="http://schemas.microsoft.com/office/drawing/2014/main" id="{45C88A99-3804-1739-49FF-622FD5E93DFB}"/>
                  </a:ext>
                </a:extLst>
              </p:cNvPr>
              <p:cNvSpPr>
                <a:spLocks noChangeAspect="1"/>
              </p:cNvSpPr>
              <p:nvPr/>
            </p:nvSpPr>
            <p:spPr bwMode="auto">
              <a:xfrm rot="16200000">
                <a:off x="1685021" y="1351310"/>
                <a:ext cx="230410" cy="460407"/>
              </a:xfrm>
              <a:custGeom>
                <a:avLst/>
                <a:gdLst>
                  <a:gd name="connsiteX0" fmla="*/ 270676 w 270676"/>
                  <a:gd name="connsiteY0" fmla="*/ 0 h 540866"/>
                  <a:gd name="connsiteX1" fmla="*/ 270676 w 270676"/>
                  <a:gd name="connsiteY1" fmla="*/ 270352 h 540866"/>
                  <a:gd name="connsiteX2" fmla="*/ 270514 w 270676"/>
                  <a:gd name="connsiteY2" fmla="*/ 270352 h 540866"/>
                  <a:gd name="connsiteX3" fmla="*/ 270514 w 270676"/>
                  <a:gd name="connsiteY3" fmla="*/ 274419 h 540866"/>
                  <a:gd name="connsiteX4" fmla="*/ 270514 w 270676"/>
                  <a:gd name="connsiteY4" fmla="*/ 540866 h 540866"/>
                  <a:gd name="connsiteX5" fmla="*/ 5653 w 270676"/>
                  <a:gd name="connsiteY5" fmla="*/ 324752 h 540866"/>
                  <a:gd name="connsiteX6" fmla="*/ 178 w 270676"/>
                  <a:gd name="connsiteY6" fmla="*/ 270352 h 540866"/>
                  <a:gd name="connsiteX7" fmla="*/ 0 w 270676"/>
                  <a:gd name="connsiteY7" fmla="*/ 270352 h 540866"/>
                  <a:gd name="connsiteX8" fmla="*/ 270676 w 270676"/>
                  <a:gd name="connsiteY8" fmla="*/ 0 h 540866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  <a:cxn ang="0">
                    <a:pos x="connsiteX5" y="connsiteY5"/>
                  </a:cxn>
                  <a:cxn ang="0">
                    <a:pos x="connsiteX6" y="connsiteY6"/>
                  </a:cxn>
                  <a:cxn ang="0">
                    <a:pos x="connsiteX7" y="connsiteY7"/>
                  </a:cxn>
                  <a:cxn ang="0">
                    <a:pos x="connsiteX8" y="connsiteY8"/>
                  </a:cxn>
                </a:cxnLst>
                <a:rect l="l" t="t" r="r" b="b"/>
                <a:pathLst>
                  <a:path w="270676" h="540866">
                    <a:moveTo>
                      <a:pt x="270676" y="0"/>
                    </a:moveTo>
                    <a:lnTo>
                      <a:pt x="270676" y="270352"/>
                    </a:lnTo>
                    <a:lnTo>
                      <a:pt x="270514" y="270352"/>
                    </a:lnTo>
                    <a:lnTo>
                      <a:pt x="270514" y="274419"/>
                    </a:lnTo>
                    <a:cubicBezTo>
                      <a:pt x="270514" y="287107"/>
                      <a:pt x="270514" y="337859"/>
                      <a:pt x="270514" y="540866"/>
                    </a:cubicBezTo>
                    <a:cubicBezTo>
                      <a:pt x="139832" y="540866"/>
                      <a:pt x="30855" y="448114"/>
                      <a:pt x="5653" y="324752"/>
                    </a:cubicBezTo>
                    <a:lnTo>
                      <a:pt x="178" y="270352"/>
                    </a:lnTo>
                    <a:lnTo>
                      <a:pt x="0" y="270352"/>
                    </a:lnTo>
                    <a:cubicBezTo>
                      <a:pt x="0" y="121001"/>
                      <a:pt x="121146" y="0"/>
                      <a:pt x="270676" y="0"/>
                    </a:cubicBezTo>
                    <a:close/>
                  </a:path>
                </a:pathLst>
              </a:custGeom>
              <a:solidFill>
                <a:schemeClr val="bg1"/>
              </a:solidFill>
              <a:ln>
                <a:noFill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  <a:noAutofit/>
              </a:bodyPr>
              <a:lstStyle/>
              <a:p>
                <a:endParaRPr lang="en-GB"/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204179412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:a16="http://schemas.microsoft.com/office/drawing/2014/main" id="{7B61E3FA-6303-8F3B-8F1F-B737D233908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881" b="3881"/>
          <a:stretch/>
        </p:blipFill>
        <p:spPr bwMode="auto">
          <a:xfrm>
            <a:off x="1" y="0"/>
            <a:ext cx="12192000" cy="6858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" name="GRADIENT">
            <a:extLst>
              <a:ext uri="{FF2B5EF4-FFF2-40B4-BE49-F238E27FC236}">
                <a16:creationId xmlns:a16="http://schemas.microsoft.com/office/drawing/2014/main" id="{FF408B7C-FF3C-549B-E37E-D2AADBEB5467}"/>
              </a:ext>
            </a:extLst>
          </p:cNvPr>
          <p:cNvSpPr/>
          <p:nvPr/>
        </p:nvSpPr>
        <p:spPr>
          <a:xfrm>
            <a:off x="-1" y="0"/>
            <a:ext cx="12190591" cy="6858000"/>
          </a:xfrm>
          <a:prstGeom prst="rect">
            <a:avLst/>
          </a:prstGeom>
          <a:gradFill flip="none" rotWithShape="1">
            <a:gsLst>
              <a:gs pos="9000">
                <a:schemeClr val="tx1">
                  <a:alpha val="40000"/>
                </a:schemeClr>
              </a:gs>
              <a:gs pos="27000">
                <a:schemeClr val="tx1">
                  <a:alpha val="0"/>
                </a:schemeClr>
              </a:gs>
            </a:gsLst>
            <a:lin ang="162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144"/>
          </a:p>
        </p:txBody>
      </p:sp>
      <p:sp>
        <p:nvSpPr>
          <p:cNvPr id="13" name="GRADIENT">
            <a:extLst>
              <a:ext uri="{FF2B5EF4-FFF2-40B4-BE49-F238E27FC236}">
                <a16:creationId xmlns:a16="http://schemas.microsoft.com/office/drawing/2014/main" id="{FB566CBC-B02D-D8C0-EC57-B03626C810D1}"/>
              </a:ext>
            </a:extLst>
          </p:cNvPr>
          <p:cNvSpPr/>
          <p:nvPr/>
        </p:nvSpPr>
        <p:spPr>
          <a:xfrm>
            <a:off x="19231" y="0"/>
            <a:ext cx="12190591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30000"/>
                </a:schemeClr>
              </a:gs>
              <a:gs pos="28000">
                <a:schemeClr val="tx1">
                  <a:alpha val="0"/>
                </a:schemeClr>
              </a:gs>
            </a:gsLst>
            <a:lin ang="27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144"/>
          </a:p>
        </p:txBody>
      </p:sp>
      <p:sp>
        <p:nvSpPr>
          <p:cNvPr id="14" name="GRADIENT">
            <a:extLst>
              <a:ext uri="{FF2B5EF4-FFF2-40B4-BE49-F238E27FC236}">
                <a16:creationId xmlns:a16="http://schemas.microsoft.com/office/drawing/2014/main" id="{711B2570-9ED1-55F6-1F4C-E5CFA54EA22E}"/>
              </a:ext>
            </a:extLst>
          </p:cNvPr>
          <p:cNvSpPr/>
          <p:nvPr/>
        </p:nvSpPr>
        <p:spPr>
          <a:xfrm>
            <a:off x="-1" y="0"/>
            <a:ext cx="12209823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30000"/>
                </a:schemeClr>
              </a:gs>
              <a:gs pos="28000">
                <a:schemeClr val="tx1">
                  <a:alpha val="0"/>
                </a:schemeClr>
              </a:gs>
            </a:gsLst>
            <a:lin ang="81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144"/>
          </a:p>
        </p:txBody>
      </p:sp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F561C7CE-0140-1F2D-BD87-648D33FDED8E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6263694" y="585151"/>
            <a:ext cx="4673599" cy="4679202"/>
          </a:xfrm>
        </p:spPr>
      </p:sp>
      <p:sp>
        <p:nvSpPr>
          <p:cNvPr id="7" name="Rectangle : coins arrondis 6">
            <a:extLst>
              <a:ext uri="{FF2B5EF4-FFF2-40B4-BE49-F238E27FC236}">
                <a16:creationId xmlns:a16="http://schemas.microsoft.com/office/drawing/2014/main" id="{22BEFDDE-4F75-E4C1-D461-F2DC7262A728}"/>
              </a:ext>
            </a:extLst>
          </p:cNvPr>
          <p:cNvSpPr/>
          <p:nvPr/>
        </p:nvSpPr>
        <p:spPr>
          <a:xfrm>
            <a:off x="-17822" y="4130301"/>
            <a:ext cx="5126851" cy="1638300"/>
          </a:xfrm>
          <a:custGeom>
            <a:avLst/>
            <a:gdLst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136524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0" fmla="*/ 684211 w 6430956"/>
              <a:gd name="connsiteY0" fmla="*/ 1638300 h 1638300"/>
              <a:gd name="connsiteX1" fmla="*/ 684211 w 6430956"/>
              <a:gd name="connsiteY1" fmla="*/ 0 h 1638300"/>
              <a:gd name="connsiteX2" fmla="*/ 6157901 w 6430956"/>
              <a:gd name="connsiteY2" fmla="*/ 0 h 1638300"/>
              <a:gd name="connsiteX3" fmla="*/ 6430956 w 6430956"/>
              <a:gd name="connsiteY3" fmla="*/ 273055 h 1638300"/>
              <a:gd name="connsiteX4" fmla="*/ 6430956 w 6430956"/>
              <a:gd name="connsiteY4" fmla="*/ 1365245 h 1638300"/>
              <a:gd name="connsiteX5" fmla="*/ 6157901 w 6430956"/>
              <a:gd name="connsiteY5" fmla="*/ 1638300 h 1638300"/>
              <a:gd name="connsiteX6" fmla="*/ 684211 w 6430956"/>
              <a:gd name="connsiteY6" fmla="*/ 1638300 h 1638300"/>
              <a:gd name="connsiteX0" fmla="*/ 405694 w 6152439"/>
              <a:gd name="connsiteY0" fmla="*/ 1638300 h 1638300"/>
              <a:gd name="connsiteX1" fmla="*/ 405694 w 6152439"/>
              <a:gd name="connsiteY1" fmla="*/ 0 h 1638300"/>
              <a:gd name="connsiteX2" fmla="*/ 5879384 w 6152439"/>
              <a:gd name="connsiteY2" fmla="*/ 0 h 1638300"/>
              <a:gd name="connsiteX3" fmla="*/ 6152439 w 6152439"/>
              <a:gd name="connsiteY3" fmla="*/ 273055 h 1638300"/>
              <a:gd name="connsiteX4" fmla="*/ 6152439 w 6152439"/>
              <a:gd name="connsiteY4" fmla="*/ 1365245 h 1638300"/>
              <a:gd name="connsiteX5" fmla="*/ 5879384 w 6152439"/>
              <a:gd name="connsiteY5" fmla="*/ 1638300 h 1638300"/>
              <a:gd name="connsiteX6" fmla="*/ 405694 w 6152439"/>
              <a:gd name="connsiteY6" fmla="*/ 1638300 h 1638300"/>
              <a:gd name="connsiteX0" fmla="*/ 4947 w 5751692"/>
              <a:gd name="connsiteY0" fmla="*/ 1638300 h 1638300"/>
              <a:gd name="connsiteX1" fmla="*/ 4947 w 5751692"/>
              <a:gd name="connsiteY1" fmla="*/ 0 h 1638300"/>
              <a:gd name="connsiteX2" fmla="*/ 5478637 w 5751692"/>
              <a:gd name="connsiteY2" fmla="*/ 0 h 1638300"/>
              <a:gd name="connsiteX3" fmla="*/ 5751692 w 5751692"/>
              <a:gd name="connsiteY3" fmla="*/ 273055 h 1638300"/>
              <a:gd name="connsiteX4" fmla="*/ 5751692 w 5751692"/>
              <a:gd name="connsiteY4" fmla="*/ 1365245 h 1638300"/>
              <a:gd name="connsiteX5" fmla="*/ 5478637 w 5751692"/>
              <a:gd name="connsiteY5" fmla="*/ 1638300 h 1638300"/>
              <a:gd name="connsiteX6" fmla="*/ 4947 w 5751692"/>
              <a:gd name="connsiteY6" fmla="*/ 1638300 h 1638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751692" h="1638300">
                <a:moveTo>
                  <a:pt x="4947" y="1638300"/>
                </a:moveTo>
                <a:cubicBezTo>
                  <a:pt x="3890" y="800100"/>
                  <a:pt x="-5635" y="1181100"/>
                  <a:pt x="4947" y="0"/>
                </a:cubicBezTo>
                <a:lnTo>
                  <a:pt x="5478637" y="0"/>
                </a:lnTo>
                <a:cubicBezTo>
                  <a:pt x="5629441" y="0"/>
                  <a:pt x="5751692" y="122251"/>
                  <a:pt x="5751692" y="273055"/>
                </a:cubicBezTo>
                <a:lnTo>
                  <a:pt x="5751692" y="1365245"/>
                </a:lnTo>
                <a:cubicBezTo>
                  <a:pt x="5751692" y="1516049"/>
                  <a:pt x="5629441" y="1638300"/>
                  <a:pt x="5478637" y="1638300"/>
                </a:cubicBezTo>
                <a:lnTo>
                  <a:pt x="4947" y="1638300"/>
                </a:lnTo>
                <a:close/>
              </a:path>
            </a:pathLst>
          </a:custGeom>
          <a:solidFill>
            <a:srgbClr val="FAC833"/>
          </a:solidFill>
          <a:ln>
            <a:solidFill>
              <a:srgbClr val="FAC83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5" name="ZoneTexte 4">
            <a:extLst>
              <a:ext uri="{FF2B5EF4-FFF2-40B4-BE49-F238E27FC236}">
                <a16:creationId xmlns:a16="http://schemas.microsoft.com/office/drawing/2014/main" id="{3805FF7A-3484-1EDE-7EE4-BBE196BA4DB2}"/>
              </a:ext>
            </a:extLst>
          </p:cNvPr>
          <p:cNvSpPr txBox="1"/>
          <p:nvPr/>
        </p:nvSpPr>
        <p:spPr>
          <a:xfrm>
            <a:off x="308757" y="4349286"/>
            <a:ext cx="4602397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sz="1800" b="1" dirty="0">
                <a:latin typeface="Aktiv Grotesk" panose="020B0504020202020204"/>
              </a:rPr>
              <a:t>Type </a:t>
            </a:r>
            <a:r>
              <a:rPr lang="fr-FR" sz="1800" b="1" dirty="0" err="1">
                <a:latin typeface="Aktiv Grotesk" panose="020B0504020202020204"/>
              </a:rPr>
              <a:t>your</a:t>
            </a:r>
            <a:r>
              <a:rPr lang="fr-FR" sz="1800" b="1" dirty="0">
                <a:latin typeface="Aktiv Grotesk" panose="020B0504020202020204"/>
              </a:rPr>
              <a:t> message </a:t>
            </a:r>
            <a:r>
              <a:rPr lang="fr-FR" sz="1800" b="1" dirty="0" err="1">
                <a:latin typeface="Aktiv Grotesk" panose="020B0504020202020204"/>
              </a:rPr>
              <a:t>here</a:t>
            </a:r>
            <a:r>
              <a:rPr lang="fr-FR" sz="1800" b="1" dirty="0">
                <a:latin typeface="Aktiv Grotesk" panose="020B0504020202020204"/>
              </a:rPr>
              <a:t> </a:t>
            </a:r>
            <a:r>
              <a:rPr lang="fr-FR" sz="1800" dirty="0">
                <a:latin typeface="Aktiv Grotesk" panose="020B0504020202020204"/>
              </a:rPr>
              <a:t>…</a:t>
            </a:r>
            <a:br>
              <a:rPr lang="fr-FR" sz="1800" dirty="0">
                <a:latin typeface="Aktiv Grotesk" panose="020B0504020202020204"/>
              </a:rPr>
            </a:br>
            <a:r>
              <a:rPr lang="fr-FR" sz="1800" dirty="0">
                <a:latin typeface="Aktiv Grotesk" panose="020B0504020202020204"/>
              </a:rPr>
              <a:t>You can </a:t>
            </a:r>
            <a:r>
              <a:rPr lang="fr-FR" sz="1800" dirty="0" err="1">
                <a:latin typeface="Aktiv Grotesk" panose="020B0504020202020204"/>
              </a:rPr>
              <a:t>add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your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name</a:t>
            </a:r>
            <a:r>
              <a:rPr lang="fr-FR" sz="1800" dirty="0">
                <a:latin typeface="Aktiv Grotesk" panose="020B0504020202020204"/>
              </a:rPr>
              <a:t>, </a:t>
            </a:r>
            <a:r>
              <a:rPr lang="fr-FR" sz="1800" dirty="0" err="1">
                <a:latin typeface="Aktiv Grotesk" panose="020B0504020202020204"/>
              </a:rPr>
              <a:t>your</a:t>
            </a:r>
            <a:r>
              <a:rPr lang="fr-FR" sz="1800" dirty="0">
                <a:latin typeface="Aktiv Grotesk" panose="020B0504020202020204"/>
              </a:rPr>
              <a:t> session or </a:t>
            </a:r>
            <a:r>
              <a:rPr lang="fr-FR" sz="1800" dirty="0" err="1">
                <a:latin typeface="Aktiv Grotesk" panose="020B0504020202020204"/>
              </a:rPr>
              <a:t>any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other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wording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you</a:t>
            </a:r>
            <a:r>
              <a:rPr lang="fr-FR" sz="1800" dirty="0">
                <a:latin typeface="Aktiv Grotesk" panose="020B0504020202020204"/>
              </a:rPr>
              <a:t> </a:t>
            </a:r>
            <a:r>
              <a:rPr lang="fr-FR" sz="1800" dirty="0" err="1">
                <a:latin typeface="Aktiv Grotesk" panose="020B0504020202020204"/>
              </a:rPr>
              <a:t>wish</a:t>
            </a:r>
            <a:r>
              <a:rPr lang="fr-FR" sz="1800" dirty="0">
                <a:latin typeface="Aktiv Grotesk" panose="020B0504020202020204"/>
              </a:rPr>
              <a:t>. </a:t>
            </a:r>
            <a:r>
              <a:rPr lang="fr-FR" sz="1800" dirty="0" err="1">
                <a:latin typeface="Aktiv Grotesk" panose="020B0504020202020204"/>
              </a:rPr>
              <a:t>Reduce</a:t>
            </a:r>
            <a:r>
              <a:rPr lang="fr-FR" sz="1800" dirty="0">
                <a:latin typeface="Aktiv Grotesk" panose="020B0504020202020204"/>
              </a:rPr>
              <a:t> font size as </a:t>
            </a:r>
            <a:r>
              <a:rPr lang="fr-FR" sz="1800" dirty="0" err="1">
                <a:latin typeface="Aktiv Grotesk" panose="020B0504020202020204"/>
              </a:rPr>
              <a:t>needed</a:t>
            </a:r>
            <a:r>
              <a:rPr lang="fr-FR" sz="1800" dirty="0">
                <a:latin typeface="Aktiv Grotesk" panose="020B0504020202020204"/>
              </a:rPr>
              <a:t>.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46DFBB2B-1A8E-05A8-5E80-3CF1EE32AE28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 rotWithShape="1">
          <a:blip r:embed="rId5"/>
          <a:srcRect/>
          <a:stretch/>
        </p:blipFill>
        <p:spPr>
          <a:xfrm>
            <a:off x="9752372" y="5220699"/>
            <a:ext cx="2457450" cy="1638300"/>
          </a:xfrm>
          <a:prstGeom prst="rect">
            <a:avLst/>
          </a:prstGeom>
        </p:spPr>
      </p:pic>
      <p:pic>
        <p:nvPicPr>
          <p:cNvPr id="2" name="Picture 2">
            <a:extLst>
              <a:ext uri="{FF2B5EF4-FFF2-40B4-BE49-F238E27FC236}">
                <a16:creationId xmlns:a16="http://schemas.microsoft.com/office/drawing/2014/main" id="{E59C0D7D-ABEF-2D8E-BA0C-FAD9B1CE4F70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-114" b="-768"/>
          <a:stretch/>
        </p:blipFill>
        <p:spPr>
          <a:xfrm>
            <a:off x="630380" y="501561"/>
            <a:ext cx="2112307" cy="2217887"/>
          </a:xfrm>
          <a:prstGeom prst="rect">
            <a:avLst/>
          </a:prstGeom>
        </p:spPr>
      </p:pic>
      <p:sp>
        <p:nvSpPr>
          <p:cNvPr id="4" name="Location, Dates">
            <a:extLst>
              <a:ext uri="{FF2B5EF4-FFF2-40B4-BE49-F238E27FC236}">
                <a16:creationId xmlns:a16="http://schemas.microsoft.com/office/drawing/2014/main" id="{3C66CA46-E460-167A-43AA-8A13A3F287C9}"/>
              </a:ext>
            </a:extLst>
          </p:cNvPr>
          <p:cNvSpPr txBox="1"/>
          <p:nvPr/>
        </p:nvSpPr>
        <p:spPr>
          <a:xfrm>
            <a:off x="578109" y="2924752"/>
            <a:ext cx="3740150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chemeClr val="bg1"/>
                </a:solidFill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Abu Dhabi, UAE</a:t>
            </a:r>
          </a:p>
          <a:p>
            <a:r>
              <a:rPr lang="en-US" sz="2400" dirty="0">
                <a:solidFill>
                  <a:schemeClr val="bg1"/>
                </a:solidFill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7-9 November 2023</a:t>
            </a:r>
          </a:p>
        </p:txBody>
      </p:sp>
    </p:spTree>
    <p:extLst>
      <p:ext uri="{BB962C8B-B14F-4D97-AF65-F5344CB8AC3E}">
        <p14:creationId xmlns:p14="http://schemas.microsoft.com/office/powerpoint/2010/main" val="427610151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Destination Photo">
            <a:extLst>
              <a:ext uri="{FF2B5EF4-FFF2-40B4-BE49-F238E27FC236}">
                <a16:creationId xmlns:a16="http://schemas.microsoft.com/office/drawing/2014/main" id="{7EC5E334-4107-D43E-9668-2E7E6A560FAF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881" b="3881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6" name="GRADIENT">
            <a:extLst>
              <a:ext uri="{FF2B5EF4-FFF2-40B4-BE49-F238E27FC236}">
                <a16:creationId xmlns:a16="http://schemas.microsoft.com/office/drawing/2014/main" id="{B76AE10A-DDBB-E05F-B892-168051CB7E08}"/>
              </a:ext>
            </a:extLst>
          </p:cNvPr>
          <p:cNvSpPr/>
          <p:nvPr/>
        </p:nvSpPr>
        <p:spPr>
          <a:xfrm>
            <a:off x="-1" y="0"/>
            <a:ext cx="12209823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30000"/>
                </a:schemeClr>
              </a:gs>
              <a:gs pos="28000">
                <a:schemeClr val="tx1">
                  <a:alpha val="0"/>
                </a:schemeClr>
              </a:gs>
            </a:gsLst>
            <a:lin ang="81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144"/>
          </a:p>
        </p:txBody>
      </p:sp>
      <p:sp>
        <p:nvSpPr>
          <p:cNvPr id="8" name="GRADIENT">
            <a:extLst>
              <a:ext uri="{FF2B5EF4-FFF2-40B4-BE49-F238E27FC236}">
                <a16:creationId xmlns:a16="http://schemas.microsoft.com/office/drawing/2014/main" id="{451DDC21-FFB9-60C0-14C3-BD0C80AFC312}"/>
              </a:ext>
            </a:extLst>
          </p:cNvPr>
          <p:cNvSpPr/>
          <p:nvPr/>
        </p:nvSpPr>
        <p:spPr>
          <a:xfrm>
            <a:off x="19231" y="0"/>
            <a:ext cx="12190591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30000"/>
                </a:schemeClr>
              </a:gs>
              <a:gs pos="28000">
                <a:schemeClr val="tx1">
                  <a:alpha val="0"/>
                </a:schemeClr>
              </a:gs>
            </a:gsLst>
            <a:lin ang="27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144"/>
          </a:p>
        </p:txBody>
      </p:sp>
      <p:sp>
        <p:nvSpPr>
          <p:cNvPr id="9" name="GRADIENT">
            <a:extLst>
              <a:ext uri="{FF2B5EF4-FFF2-40B4-BE49-F238E27FC236}">
                <a16:creationId xmlns:a16="http://schemas.microsoft.com/office/drawing/2014/main" id="{70319957-6C7A-48E1-2294-A1D07B4B1617}"/>
              </a:ext>
            </a:extLst>
          </p:cNvPr>
          <p:cNvSpPr/>
          <p:nvPr/>
        </p:nvSpPr>
        <p:spPr>
          <a:xfrm>
            <a:off x="-1" y="0"/>
            <a:ext cx="12190591" cy="6858000"/>
          </a:xfrm>
          <a:prstGeom prst="rect">
            <a:avLst/>
          </a:prstGeom>
          <a:gradFill flip="none" rotWithShape="1">
            <a:gsLst>
              <a:gs pos="9000">
                <a:schemeClr val="tx1">
                  <a:alpha val="40000"/>
                </a:schemeClr>
              </a:gs>
              <a:gs pos="27000">
                <a:schemeClr val="tx1">
                  <a:alpha val="0"/>
                </a:schemeClr>
              </a:gs>
            </a:gsLst>
            <a:lin ang="162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144"/>
          </a:p>
        </p:txBody>
      </p:sp>
      <p:pic>
        <p:nvPicPr>
          <p:cNvPr id="11" name="IATA Logo">
            <a:extLst>
              <a:ext uri="{FF2B5EF4-FFF2-40B4-BE49-F238E27FC236}">
                <a16:creationId xmlns:a16="http://schemas.microsoft.com/office/drawing/2014/main" id="{7FDDBFDB-576D-7201-D615-FF37AB122F16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826444" y="5293783"/>
            <a:ext cx="2346325" cy="1564217"/>
          </a:xfrm>
          <a:prstGeom prst="rect">
            <a:avLst/>
          </a:prstGeom>
        </p:spPr>
      </p:pic>
      <p:sp>
        <p:nvSpPr>
          <p:cNvPr id="12" name="Location, Dates">
            <a:extLst>
              <a:ext uri="{FF2B5EF4-FFF2-40B4-BE49-F238E27FC236}">
                <a16:creationId xmlns:a16="http://schemas.microsoft.com/office/drawing/2014/main" id="{368613E9-8E38-A391-1B4E-D345E6DD64A4}"/>
              </a:ext>
            </a:extLst>
          </p:cNvPr>
          <p:cNvSpPr txBox="1"/>
          <p:nvPr/>
        </p:nvSpPr>
        <p:spPr>
          <a:xfrm>
            <a:off x="494208" y="3084104"/>
            <a:ext cx="3740150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chemeClr val="bg1"/>
                </a:solidFill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Abu Dhabi, UAE</a:t>
            </a:r>
          </a:p>
          <a:p>
            <a:r>
              <a:rPr lang="en-US" sz="2400" dirty="0">
                <a:solidFill>
                  <a:schemeClr val="bg1"/>
                </a:solidFill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7-9 November 2023</a:t>
            </a:r>
          </a:p>
        </p:txBody>
      </p:sp>
      <p:sp>
        <p:nvSpPr>
          <p:cNvPr id="20" name="Joine Me">
            <a:extLst>
              <a:ext uri="{FF2B5EF4-FFF2-40B4-BE49-F238E27FC236}">
                <a16:creationId xmlns:a16="http://schemas.microsoft.com/office/drawing/2014/main" id="{3AEA561C-FDFF-CCBC-88F5-F891CB5B4C91}"/>
              </a:ext>
            </a:extLst>
          </p:cNvPr>
          <p:cNvSpPr txBox="1"/>
          <p:nvPr/>
        </p:nvSpPr>
        <p:spPr>
          <a:xfrm>
            <a:off x="370769" y="5018722"/>
            <a:ext cx="5619750" cy="156966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4800" b="1" i="0" dirty="0">
                <a:solidFill>
                  <a:schemeClr val="bg1"/>
                </a:solidFill>
                <a:effectLst/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JOIN ME AT</a:t>
            </a:r>
          </a:p>
          <a:p>
            <a:r>
              <a:rPr lang="en-US" sz="4800" b="1" dirty="0">
                <a:solidFill>
                  <a:schemeClr val="bg1"/>
                </a:solidFill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THE AEF 2023!</a:t>
            </a:r>
            <a:endParaRPr lang="en-US" sz="4800" dirty="0">
              <a:solidFill>
                <a:schemeClr val="bg1"/>
              </a:solidFill>
              <a:latin typeface="Aktiv Grotesk Medium" panose="020B0504020202020204" pitchFamily="34" charset="0"/>
              <a:ea typeface="Aktiv Grotesk Medium" panose="020B0504020202020204" pitchFamily="34" charset="0"/>
              <a:cs typeface="Aktiv Grotesk Medium" panose="020B0504020202020204" pitchFamily="34" charset="0"/>
            </a:endParaRPr>
          </a:p>
        </p:txBody>
      </p:sp>
      <p:pic>
        <p:nvPicPr>
          <p:cNvPr id="2" name="Picture 2">
            <a:extLst>
              <a:ext uri="{FF2B5EF4-FFF2-40B4-BE49-F238E27FC236}">
                <a16:creationId xmlns:a16="http://schemas.microsoft.com/office/drawing/2014/main" id="{E93932AD-F0DF-3A82-25E3-2DE421E0787F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-114" b="-768"/>
          <a:stretch/>
        </p:blipFill>
        <p:spPr>
          <a:xfrm>
            <a:off x="630380" y="501561"/>
            <a:ext cx="2112307" cy="221788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0645675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rofeevak\AppData\Local\Temp\Templafy\PowerPointVsto\Assets\a281c3c1-0421-4033-8c13-960a3b173e1f.jpeg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murphyc\AppData\Local\Temp\Templafy\PowerPointVsto\Assets\IATA-AVIATION-ENERGY-FORUM_RGB_ForPPT.png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murphyc\AppData\Local\Temp\Templafy\PowerPointVsto\Assets\IATA-Logo_WHITE.png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murphyc\AppData\Local\Temp\Templafy\PowerPointVsto\Assets\IATA-AVIATION-ENERGY-FORUM_RGB_ForPPT.png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murphyc\AppData\Local\Temp\Templafy\PowerPointVsto\Assets\IATA-Logo_WHITE.png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murphyc\AppData\Local\Temp\Templafy\PowerPointVsto\Assets\IATA-AVIATION-ENERGY-FORUM_RGB_ForPPT.png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47</TotalTime>
  <Words>157</Words>
  <Application>Microsoft Office PowerPoint</Application>
  <PresentationFormat>Widescreen</PresentationFormat>
  <Paragraphs>20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11" baseType="lpstr">
      <vt:lpstr>Aktiv Grotesk</vt:lpstr>
      <vt:lpstr>Aktiv Grotesk Medium</vt:lpstr>
      <vt:lpstr>Aktiv Grotesk XBold</vt:lpstr>
      <vt:lpstr>Arial</vt:lpstr>
      <vt:lpstr>Calibri</vt:lpstr>
      <vt:lpstr>Calibri Light</vt:lpstr>
      <vt:lpstr>Office Theme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hristine Murphy</dc:creator>
  <cp:lastModifiedBy>Christine Murphy</cp:lastModifiedBy>
  <cp:revision>1</cp:revision>
  <dcterms:created xsi:type="dcterms:W3CDTF">2023-06-07T07:54:18Z</dcterms:created>
  <dcterms:modified xsi:type="dcterms:W3CDTF">2023-06-07T08:42:12Z</dcterms:modified>
</cp:coreProperties>
</file>